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11. Stars systém\PTK - Ponuka\"/>
    </mc:Choice>
  </mc:AlternateContent>
  <bookViews>
    <workbookView xWindow="0" yWindow="0" windowWidth="23040" windowHeight="9195"/>
  </bookViews>
  <sheets>
    <sheet name="Cenová ponuka" sheetId="8" r:id="rId1"/>
  </sheets>
  <definedNames>
    <definedName name="_xlnm.Print_Area" localSheetId="0">'Cenová ponuka'!$B$1:$F$13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1" uniqueCount="187">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Systém podpory ruky pacienta</t>
  </si>
  <si>
    <t>Systém podpory ruky pacienta pre transreadiálnu angiografiu a intervenciu.</t>
  </si>
  <si>
    <t>Položka č. 1 - Systém podpory ruky pacienta</t>
  </si>
  <si>
    <t>systém podpory ruky pacienta a inštrumentária s prídavnou clonou žiarenia pre výkony s radiálnym prístupom</t>
  </si>
  <si>
    <t>univerzálne prevedenie pre všetky typy angiografických stolov</t>
  </si>
  <si>
    <t>rýchla inštalácia bez nutnosti použitia ďalšieho spotrebného materiálu</t>
  </si>
  <si>
    <t>jednoduché nastavenie polôh</t>
  </si>
  <si>
    <t>voliteľné použitie pre prístup z pravej alebo ľavej ruky</t>
  </si>
  <si>
    <t>8</t>
  </si>
  <si>
    <t>9</t>
  </si>
  <si>
    <t>10</t>
  </si>
  <si>
    <t>11</t>
  </si>
  <si>
    <t>12</t>
  </si>
  <si>
    <t>13</t>
  </si>
  <si>
    <t>14</t>
  </si>
  <si>
    <t>15</t>
  </si>
  <si>
    <t>16</t>
  </si>
  <si>
    <t>17</t>
  </si>
  <si>
    <t>ergonomická a nastaviteľná podpora pravej alebo ľavej ruky pacienta</t>
  </si>
  <si>
    <t>možnosť prispôsobenia dĺžky podpery +/- 15 cm</t>
  </si>
  <si>
    <t>ľahké prevedenie pre jednoduchá manipulácia – hmotnosť setu do max. 3,5 kg</t>
  </si>
  <si>
    <t>ľahká manipulácia aj počas úkonov</t>
  </si>
  <si>
    <t>odnímateľný stolík pre inštrumentárium, ergonomicky nadväzujúci na transradiálny prístup, dĺžka 65 cm +/- 5cm</t>
  </si>
  <si>
    <t>možnosť posuvu stolíka v pozdĺžnom smere (podľa výšky pacienta)</t>
  </si>
  <si>
    <t>vyjma clony žiarenia set kompletne radiolucentný</t>
  </si>
  <si>
    <t>nenáročná údržba nevyžadujúca žiadne špecifické prostriedky</t>
  </si>
  <si>
    <t>odolnosť voči chemickému pôsobeniu bežne používaných čistiacich prostriedkov</t>
  </si>
  <si>
    <t>systém musí umožňovať držať ruku pacienta vo voliteľnom uhle počas trvania celého výkonu a otáčať zápästie v 2 osiach podľa potreby operatéra aj počas úkonov</t>
  </si>
  <si>
    <t>bočná clona tieniaca rtg žiarenie vo výške ležiaceho pacienta pred operatérom, ekvivalent olova 0,5 mm; beznástrojová fixácia pod matracom operačného stola</t>
  </si>
  <si>
    <t>záruka 24 mesiacov.</t>
  </si>
  <si>
    <t>Požaduje sa uzatvorenie kúpnej zmluvy.</t>
  </si>
  <si>
    <t>8.</t>
  </si>
  <si>
    <t>9.</t>
  </si>
  <si>
    <t>10.</t>
  </si>
  <si>
    <t>11.</t>
  </si>
  <si>
    <t>12.</t>
  </si>
  <si>
    <t>12.1.</t>
  </si>
  <si>
    <t>13.</t>
  </si>
  <si>
    <t>14.</t>
  </si>
  <si>
    <t>15.</t>
  </si>
  <si>
    <t>16.</t>
  </si>
  <si>
    <t>17.</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8.</t>
  </si>
  <si>
    <t>19.</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0.</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1.</t>
  </si>
  <si>
    <t>2.1.</t>
  </si>
  <si>
    <t>do tridsiatich (30) pracovných dní od dňa nadobudnutia účinnosti zmluvy resp. odo dňa doručenia Oznámenia o splnení objednávateľom stanovených podmienok a požiadaviek na predmet zákazky dodávateľovi (ďalej len "Oznámenie"),</t>
  </si>
  <si>
    <t>2.2.</t>
  </si>
  <si>
    <t>v pracovných dňoch,</t>
  </si>
  <si>
    <t>2.3.</t>
  </si>
  <si>
    <t>v čase od 08:00 hod. do 14:30 hod.,</t>
  </si>
  <si>
    <t>2.4.</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2.6.</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12.2.</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14.1.</t>
  </si>
  <si>
    <t>oprava vád a porúch zariadenia, t.j. uvedenie zariadenia do stavu plnej využiteľnosti vzhľadom k jeho technickým parametrom,</t>
  </si>
  <si>
    <t>14.2.</t>
  </si>
  <si>
    <t>dodávka a výmena všetkých potrebných náhradných dielov a súčiastok v prípade ich poruchy, ktoré sami o sebe majú kratšiu dobu životnosti, alebo kratšiu záručnú dobu, ako je záručná doba poskytovaná dodávateľom,</t>
  </si>
  <si>
    <t>14.3.</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14.4.</t>
  </si>
  <si>
    <t>14.5.</t>
  </si>
  <si>
    <t>vykonanie validácií a kalibrácií zariadenia (resp. jeho relevantných častí) s perididicitou podľa odporučenia výrobcu zariadenia, min. však jedenkrát ročne,</t>
  </si>
  <si>
    <t>14.6.</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14.7.</t>
  </si>
  <si>
    <t>vykonanie ďalších servisných úkonov a činností predpísaných príslušnou právnou úpravou a aplikovateľnými normami,</t>
  </si>
  <si>
    <t>14.8.</t>
  </si>
  <si>
    <t>práce (servisné hodiny) a dojazdy servisných technikov dodávateľa do miesta inštalácie zariadenia v rámci zabezpečenia záručného servisu,</t>
  </si>
  <si>
    <t>14.9.</t>
  </si>
  <si>
    <t>vykonanie akýchkoľvek neplánovaných opráv a údržby, ktoré nevyplývajú zo servisného plánu výrobcu zariadenia, ak takáto oprava je nevyhnutná za účelom zabezpečenia prevádzky zariadenia, vrátane generálnej opravy.</t>
  </si>
  <si>
    <t xml:space="preserve">Servisný technik dodávateľa je povinný nastúpiť na odstránenie vady v mieste inštalácie zariadenia do štyridsiatichôsmich (48) hodín od nahlásenia v pracovný deň medzi 7:00 a 16:00 hod., resp. do 12:00 hod. nasledujúceho pracovného dňa, pokiaľ vada bola nahlásená po 16:00 hod. pracovného dňa alebo počas mimopracovného dňa. </t>
  </si>
  <si>
    <t>Dodávateľ je povinný počas trvania záručnej doby odstrániť vady v nasledujúcich lehotách od nástupu na opravu:</t>
  </si>
  <si>
    <t>16.1.</t>
  </si>
  <si>
    <t>oprava vady, pri ktorej nie je potrebná dodávka náhradného dielu najneskôr do sedemdesiatichdvoch (72) hodín,</t>
  </si>
  <si>
    <t>16.2.</t>
  </si>
  <si>
    <t>oprava vady s dodávkou náhradného dielu najneskôr do stodvadsiatich (120) hodín, resp. v závažných prípadoch v termíne po dohode s objednávateľom.</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7.1.</t>
  </si>
  <si>
    <t>17.2.</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2.</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23.</t>
  </si>
  <si>
    <t>24.</t>
  </si>
  <si>
    <t>25.</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26.</t>
  </si>
  <si>
    <t>V prípade, ak sa na predmet zákazky vykonala prípravná trhová konzultácia, informácie k prípravnej trhovej konzultácie verejný obstarávateľ zverejňuje na www.vusch.sk/verejne-obstaravanie/.</t>
  </si>
  <si>
    <t>po predchádzajúcom preukázateľnom upovedomení objednávateľa min. päť (5) pracovných dní vopred tak, aby objednávateľ mohol poskytnúť potrebnú súčinnosť pri dodaní,</t>
  </si>
  <si>
    <t>dodávky a zabudovanie náhradných dielov, ktoré sú potrebné k riadnej a bezporuchovej prevádzke zariadenia, vrátane demontáže, odvozu a likvidácie použitého a nepotrebného spotrebného materiálu, náplní a náhradných dielov,</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é zariadenie z krajiny EU (okrem SR), je dodávateľ povinný uviesť v dodacom liste, okrem náležitostí uvedených v predchádzajúcej vete, aj:
- kód zariadenia podľa aktuálne platného colného sadzobníka,
- údaj o krajine pôvodu zariadenia (t.j. krajina, kde bolo zariadenie vyrobené).</t>
  </si>
  <si>
    <t xml:space="preserve">Objednávateľ zabezpečí za účelom prevzatia zariadenia prístup pre osoby poverené dodávateľom na čas nevyhnutný na vyloženie, kompletizáciu a inštaláciu zariadenia. </t>
  </si>
  <si>
    <t>Súčasťou záväzku dodávateľa je zároveň poskytnutie písomných dokladov potrebných pre riadne a bezchybné použitie zariadenia na stanovený účel, a to najmä, no nie len výlučne: návod na použitie zariadenia v slovenskom jazyku, resp. v českom jazyku, záručný list, preberací (akceptačný) protokol, inštalačný protokol, protokol o zaškolení zamestnancov objednávateľa s obsluhou zariadenia.</t>
  </si>
  <si>
    <t>Požaduje sa v zmysle § 340b ods. 5 zákona č. 513/1991 Z.z. Obchodného zákonníka v znení neskorších predpisov splatnosť faktúry v lehote šesťdesiatich (60) kalendárnych dní odo dňa jej doručenia objednávateľovi. V prípade úhrady faktúry za dodanie zariadenia objednávateľom do štrnástich (14) kalendárnych dní odo dňa jej doručenia objednávateľovi, sa dodávateľ zaväzuje vystaviť dobropis vo výške ... %*  z faktúrovanej sumy.                                                                                                                                                             *V prípade, ak sa predávajúci rozhodne kupujúcemu poskytnúť zľavu za tzv. predčasnú úhradu (t. t. úhradu pred uplynutím lehoty splatnosti), uvedie výšku %, v akej bude zľava z fakturovanej sumy poskytnutá. Ak takúto zľavu predávajúci nechce poskytnúť, uvedie 0%.</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revodom vlastníctva k zariadeniu na objednávateľa, ako aj poskytovanie záručného servisu v mieste inštalácie.</t>
  </si>
  <si>
    <t>nedodržanie dohodnutých lehôt na odstránenie vady: 30,-€ (tridsať Eur) za každú začatú hodinu omeškania, najviac však do výšky 10% kúpnej ceny zariadenia, a to pre každý jednotlivý prípad omeškania dodávateľa.</t>
  </si>
  <si>
    <t>nedodržanie lehoty príchodu servisného technika alebo nezačatie odstraňovania vady formou vzdialeného prístupu: 30,-€ (slovom: tridsať Eur) za každú začatú hodinu omeškania, najviac však do výšky 10% kúpnej ceny zariadenia, a to pre každý jednotlivý prípad omeškania dodávateľa,</t>
  </si>
  <si>
    <t>Požaduje sa dodanie nového, nepoužívaného a neperasovaného zariadenia:</t>
  </si>
  <si>
    <t>33100000-1 Zdravotnícke vybavenie</t>
  </si>
  <si>
    <t xml:space="preserve">Požadované množstvo  MJ </t>
  </si>
  <si>
    <t>Merná jedotka MJ</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1"/>
      <color theme="10"/>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top style="medium">
        <color auto="1"/>
      </top>
      <bottom style="thin">
        <color auto="1"/>
      </bottom>
      <diagonal/>
    </border>
    <border>
      <left style="medium">
        <color auto="1"/>
      </left>
      <right style="thin">
        <color auto="1"/>
      </right>
      <top/>
      <bottom style="dotted">
        <color auto="1"/>
      </bottom>
      <diagonal/>
    </border>
    <border>
      <left style="thin">
        <color auto="1"/>
      </left>
      <right/>
      <top style="thin">
        <color auto="1"/>
      </top>
      <bottom style="dotted">
        <color auto="1"/>
      </bottom>
      <diagonal/>
    </border>
    <border>
      <left style="medium">
        <color auto="1"/>
      </left>
      <right style="thin">
        <color auto="1"/>
      </right>
      <top style="dotted">
        <color auto="1"/>
      </top>
      <bottom style="dotted">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dotted">
        <color auto="1"/>
      </top>
      <bottom style="thin">
        <color auto="1"/>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diagonal/>
    </border>
    <border>
      <left style="thin">
        <color auto="1"/>
      </left>
      <right/>
      <top/>
      <bottom style="dotted">
        <color auto="1"/>
      </bottom>
      <diagonal/>
    </border>
    <border>
      <left style="thin">
        <color indexed="64"/>
      </left>
      <right style="thin">
        <color indexed="64"/>
      </right>
      <top/>
      <bottom style="medium">
        <color indexed="64"/>
      </bottom>
      <diagonal/>
    </border>
    <border>
      <left/>
      <right style="medium">
        <color indexed="64"/>
      </right>
      <top style="medium">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3" fillId="0" borderId="0" applyNumberFormat="0" applyFill="0" applyBorder="0" applyAlignment="0" applyProtection="0"/>
  </cellStyleXfs>
  <cellXfs count="15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center" vertical="center" wrapText="1"/>
    </xf>
    <xf numFmtId="49" fontId="4" fillId="0" borderId="10" xfId="0" applyNumberFormat="1" applyFont="1" applyFill="1" applyBorder="1" applyAlignment="1">
      <alignment vertical="center" wrapText="1"/>
    </xf>
    <xf numFmtId="49" fontId="4" fillId="0" borderId="20" xfId="0" applyNumberFormat="1" applyFont="1" applyFill="1" applyBorder="1" applyAlignment="1">
      <alignment vertical="center" wrapText="1"/>
    </xf>
    <xf numFmtId="0" fontId="2" fillId="0" borderId="10" xfId="0" applyFont="1" applyFill="1" applyBorder="1" applyAlignment="1">
      <alignment horizontal="left" vertical="center" wrapText="1"/>
    </xf>
    <xf numFmtId="49" fontId="2" fillId="0" borderId="11" xfId="0" applyNumberFormat="1" applyFont="1" applyBorder="1" applyAlignment="1">
      <alignment horizontal="center" vertical="center"/>
    </xf>
    <xf numFmtId="0" fontId="2" fillId="0" borderId="28" xfId="0" applyFont="1" applyFill="1" applyBorder="1" applyAlignment="1">
      <alignment horizontal="left" vertical="center" wrapText="1"/>
    </xf>
    <xf numFmtId="0" fontId="7" fillId="0" borderId="28" xfId="0" applyNumberFormat="1" applyFont="1" applyBorder="1" applyAlignment="1">
      <alignment horizontal="center" vertical="center" wrapText="1"/>
    </xf>
    <xf numFmtId="0" fontId="2" fillId="0" borderId="30" xfId="0" applyFont="1" applyFill="1" applyBorder="1" applyAlignment="1">
      <alignment horizontal="left" vertical="center" wrapText="1"/>
    </xf>
    <xf numFmtId="0" fontId="2" fillId="0" borderId="5" xfId="0" applyFont="1" applyFill="1" applyBorder="1" applyAlignment="1">
      <alignment horizontal="left" vertical="center" wrapText="1"/>
    </xf>
    <xf numFmtId="3" fontId="4" fillId="0" borderId="10" xfId="0" applyNumberFormat="1" applyFont="1" applyFill="1" applyBorder="1" applyAlignment="1">
      <alignment horizontal="center" vertical="center" wrapText="1"/>
    </xf>
    <xf numFmtId="0" fontId="4" fillId="6" borderId="10" xfId="0" applyFont="1" applyFill="1" applyBorder="1" applyAlignment="1">
      <alignment horizontal="left" vertical="center" wrapText="1"/>
    </xf>
    <xf numFmtId="49" fontId="2" fillId="0" borderId="22" xfId="0" applyNumberFormat="1" applyFont="1" applyBorder="1" applyAlignment="1">
      <alignment vertical="center" wrapText="1"/>
    </xf>
    <xf numFmtId="49" fontId="2" fillId="0" borderId="33" xfId="0" applyNumberFormat="1" applyFont="1" applyFill="1" applyBorder="1" applyAlignment="1">
      <alignment vertical="center" wrapText="1"/>
    </xf>
    <xf numFmtId="0" fontId="4" fillId="6" borderId="34" xfId="0" applyFont="1" applyFill="1" applyBorder="1" applyAlignment="1">
      <alignment horizontal="left" vertical="center" wrapText="1"/>
    </xf>
    <xf numFmtId="49" fontId="2" fillId="0" borderId="35" xfId="0" applyNumberFormat="1" applyFont="1" applyFill="1" applyBorder="1" applyAlignment="1">
      <alignment horizontal="center" vertical="center" wrapText="1"/>
    </xf>
    <xf numFmtId="0" fontId="4" fillId="6" borderId="36" xfId="0" applyFont="1" applyFill="1" applyBorder="1" applyAlignment="1">
      <alignment horizontal="left" vertical="center" wrapText="1"/>
    </xf>
    <xf numFmtId="49" fontId="2" fillId="0" borderId="37" xfId="0" applyNumberFormat="1" applyFont="1" applyFill="1" applyBorder="1" applyAlignment="1">
      <alignment horizontal="center" vertical="center" wrapText="1"/>
    </xf>
    <xf numFmtId="0" fontId="4" fillId="6" borderId="38" xfId="0" applyFont="1" applyFill="1" applyBorder="1" applyAlignment="1">
      <alignment horizontal="left" vertical="center" wrapText="1"/>
    </xf>
    <xf numFmtId="49" fontId="2" fillId="0" borderId="26" xfId="0" applyNumberFormat="1" applyFont="1" applyFill="1" applyBorder="1" applyAlignment="1">
      <alignment vertical="center" wrapText="1"/>
    </xf>
    <xf numFmtId="0" fontId="4" fillId="6" borderId="5" xfId="0" applyFont="1" applyFill="1" applyBorder="1" applyAlignment="1">
      <alignment horizontal="left" vertical="center" wrapText="1"/>
    </xf>
    <xf numFmtId="49" fontId="2" fillId="0" borderId="8" xfId="0" applyNumberFormat="1" applyFont="1" applyFill="1" applyBorder="1" applyAlignment="1">
      <alignment vertical="center" wrapText="1"/>
    </xf>
    <xf numFmtId="49" fontId="2" fillId="6" borderId="26" xfId="0" applyNumberFormat="1" applyFont="1" applyFill="1" applyBorder="1" applyAlignment="1">
      <alignment vertical="center" wrapText="1"/>
    </xf>
    <xf numFmtId="49" fontId="2" fillId="6" borderId="25" xfId="0" applyNumberFormat="1" applyFont="1" applyFill="1" applyBorder="1" applyAlignment="1">
      <alignment vertical="center" wrapText="1"/>
    </xf>
    <xf numFmtId="0" fontId="4" fillId="6" borderId="29" xfId="0" applyFont="1" applyFill="1" applyBorder="1" applyAlignment="1">
      <alignment horizontal="left" vertical="center" wrapText="1"/>
    </xf>
    <xf numFmtId="49" fontId="2" fillId="6" borderId="39" xfId="0" applyNumberFormat="1" applyFont="1" applyFill="1" applyBorder="1" applyAlignment="1">
      <alignment vertical="center" wrapText="1"/>
    </xf>
    <xf numFmtId="49" fontId="2" fillId="6" borderId="35" xfId="0" applyNumberFormat="1" applyFont="1" applyFill="1" applyBorder="1" applyAlignment="1">
      <alignment horizontal="center" vertical="center" wrapText="1"/>
    </xf>
    <xf numFmtId="49" fontId="2" fillId="6" borderId="40" xfId="0" applyNumberFormat="1" applyFont="1" applyFill="1" applyBorder="1" applyAlignment="1">
      <alignment horizontal="center" vertical="center" wrapText="1"/>
    </xf>
    <xf numFmtId="49" fontId="2" fillId="6" borderId="8" xfId="0" applyNumberFormat="1" applyFont="1" applyFill="1" applyBorder="1" applyAlignment="1">
      <alignment vertical="center" wrapText="1"/>
    </xf>
    <xf numFmtId="49" fontId="2" fillId="6" borderId="33" xfId="0" applyNumberFormat="1" applyFont="1" applyFill="1" applyBorder="1" applyAlignment="1">
      <alignment vertical="center" wrapText="1"/>
    </xf>
    <xf numFmtId="0" fontId="4" fillId="6" borderId="41" xfId="0" applyFont="1" applyFill="1" applyBorder="1" applyAlignment="1">
      <alignment horizontal="left" vertical="center" wrapText="1"/>
    </xf>
    <xf numFmtId="0" fontId="2" fillId="0" borderId="31" xfId="0" applyNumberFormat="1" applyFont="1" applyBorder="1" applyAlignment="1">
      <alignment horizontal="center" vertical="center" wrapText="1"/>
    </xf>
    <xf numFmtId="49" fontId="2" fillId="6" borderId="37" xfId="0" applyNumberFormat="1" applyFont="1" applyFill="1" applyBorder="1" applyAlignment="1">
      <alignment horizontal="center" vertical="center" wrapText="1"/>
    </xf>
    <xf numFmtId="49" fontId="2" fillId="6" borderId="8" xfId="0" applyNumberFormat="1" applyFont="1" applyFill="1" applyBorder="1" applyAlignment="1">
      <alignment horizontal="left" vertical="center" wrapText="1"/>
    </xf>
    <xf numFmtId="0" fontId="4" fillId="6" borderId="32" xfId="0" applyFont="1" applyFill="1" applyBorder="1" applyAlignment="1">
      <alignment horizontal="left" vertical="center" wrapText="1"/>
    </xf>
    <xf numFmtId="0" fontId="2" fillId="6" borderId="10" xfId="0" applyFont="1" applyFill="1" applyBorder="1" applyAlignment="1">
      <alignment horizontal="left" vertical="center" wrapText="1"/>
    </xf>
    <xf numFmtId="0" fontId="4" fillId="6" borderId="10" xfId="6" applyFont="1" applyFill="1" applyBorder="1" applyAlignment="1">
      <alignment vertical="center" wrapText="1"/>
    </xf>
    <xf numFmtId="0" fontId="4" fillId="6" borderId="42" xfId="6" applyFont="1" applyFill="1" applyBorder="1" applyAlignment="1">
      <alignment vertical="center"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49" fontId="2" fillId="0" borderId="5"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49" fontId="5" fillId="0" borderId="0" xfId="0" applyNumberFormat="1" applyFont="1" applyFill="1" applyAlignment="1">
      <alignment horizontal="left"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29" xfId="0" applyFont="1" applyFill="1" applyBorder="1" applyAlignment="1">
      <alignment horizontal="center" vertical="center" wrapText="1"/>
    </xf>
    <xf numFmtId="0" fontId="2" fillId="0" borderId="27" xfId="0" applyFont="1" applyFill="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6" borderId="11" xfId="0" applyNumberFormat="1" applyFont="1" applyFill="1" applyBorder="1" applyAlignment="1">
      <alignment vertical="center" wrapText="1"/>
    </xf>
    <xf numFmtId="0" fontId="2" fillId="0" borderId="32" xfId="0" applyFont="1" applyFill="1" applyBorder="1" applyAlignment="1">
      <alignment horizontal="center" vertical="center" wrapText="1"/>
    </xf>
    <xf numFmtId="0" fontId="2" fillId="0" borderId="43"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44" xfId="0" applyFont="1" applyFill="1" applyBorder="1" applyAlignment="1">
      <alignment horizontal="center" vertical="center" wrapText="1"/>
    </xf>
    <xf numFmtId="0" fontId="2" fillId="0" borderId="45" xfId="0" applyFont="1" applyFill="1" applyBorder="1" applyAlignment="1">
      <alignment horizontal="center" vertical="center" wrapText="1"/>
    </xf>
    <xf numFmtId="0" fontId="4" fillId="6" borderId="0" xfId="0" applyFont="1" applyFill="1" applyAlignment="1">
      <alignment horizontal="left" vertical="top" wrapText="1"/>
    </xf>
  </cellXfs>
  <cellStyles count="7">
    <cellStyle name="Hypertextové prepojenie" xfId="6" builtinId="8"/>
    <cellStyle name="Normálna" xfId="0" builtinId="0"/>
    <cellStyle name="Normálna 2" xfId="2"/>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3" Type="http://schemas.openxmlformats.org/officeDocument/2006/relationships/drawing" Target="../drawings/drawing1.xml"/><Relationship Id="rId7" Type="http://schemas.openxmlformats.org/officeDocument/2006/relationships/ctrlProp" Target="../ctrlProps/ctrlProp3.xml"/><Relationship Id="rId2" Type="http://schemas.openxmlformats.org/officeDocument/2006/relationships/printerSettings" Target="../printerSettings/printerSettings1.bin"/><Relationship Id="rId1" Type="http://schemas.openxmlformats.org/officeDocument/2006/relationships/hyperlink" Target="http://www.vusch.sk/" TargetMode="External"/><Relationship Id="rId6" Type="http://schemas.openxmlformats.org/officeDocument/2006/relationships/ctrlProp" Target="../ctrlProps/ctrlProp2.xml"/><Relationship Id="rId5" Type="http://schemas.openxmlformats.org/officeDocument/2006/relationships/ctrlProp" Target="../ctrlProps/ctrlProp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150"/>
  <sheetViews>
    <sheetView showGridLines="0" tabSelected="1" zoomScale="90" zoomScaleNormal="90" workbookViewId="0">
      <selection activeCell="N23" sqref="N23"/>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15" t="s">
        <v>46</v>
      </c>
      <c r="C1" s="115"/>
      <c r="D1" s="115"/>
      <c r="E1" s="115"/>
      <c r="F1" s="115"/>
    </row>
    <row r="2" spans="2:6" ht="27.75" customHeight="1" x14ac:dyDescent="0.2">
      <c r="B2" s="114" t="s">
        <v>44</v>
      </c>
      <c r="C2" s="114"/>
      <c r="D2" s="114"/>
      <c r="E2" s="114"/>
      <c r="F2" s="114"/>
    </row>
    <row r="3" spans="2:6" ht="54.75" customHeight="1" x14ac:dyDescent="0.2">
      <c r="B3" s="123" t="s">
        <v>50</v>
      </c>
      <c r="C3" s="123"/>
      <c r="D3" s="123"/>
      <c r="E3" s="123"/>
      <c r="F3" s="123"/>
    </row>
    <row r="4" spans="2:6" ht="24.95" customHeight="1" x14ac:dyDescent="0.2">
      <c r="B4" s="40" t="s">
        <v>49</v>
      </c>
      <c r="C4" s="41"/>
      <c r="D4" s="37"/>
      <c r="E4" s="37"/>
      <c r="F4" s="37"/>
    </row>
    <row r="5" spans="2:6" ht="24.95" customHeight="1" x14ac:dyDescent="0.2">
      <c r="B5" s="40" t="s">
        <v>47</v>
      </c>
      <c r="C5" s="42"/>
      <c r="D5" s="37"/>
      <c r="E5" s="37"/>
      <c r="F5" s="37"/>
    </row>
    <row r="6" spans="2:6" ht="5.0999999999999996" customHeight="1" x14ac:dyDescent="0.2">
      <c r="B6" s="37"/>
      <c r="C6" s="37"/>
      <c r="D6" s="37"/>
      <c r="E6" s="37"/>
      <c r="F6" s="37"/>
    </row>
    <row r="7" spans="2:6" s="2" customFormat="1" ht="20.100000000000001" customHeight="1" x14ac:dyDescent="0.25">
      <c r="B7" s="97" t="s">
        <v>4</v>
      </c>
      <c r="C7" s="97"/>
      <c r="D7" s="97"/>
      <c r="E7" s="97"/>
      <c r="F7" s="97"/>
    </row>
    <row r="8" spans="2:6" s="2" customFormat="1" ht="20.100000000000001" customHeight="1" x14ac:dyDescent="0.25">
      <c r="B8" s="124" t="s">
        <v>8</v>
      </c>
      <c r="C8" s="124"/>
      <c r="D8" s="124"/>
      <c r="E8" s="124"/>
      <c r="F8" s="124"/>
    </row>
    <row r="9" spans="2:6" ht="29.25" customHeight="1" x14ac:dyDescent="0.2">
      <c r="B9" s="127" t="s">
        <v>67</v>
      </c>
      <c r="C9" s="127"/>
      <c r="D9" s="127"/>
      <c r="E9" s="127"/>
      <c r="F9" s="127"/>
    </row>
    <row r="10" spans="2:6" ht="4.5" customHeight="1" x14ac:dyDescent="0.2">
      <c r="B10" s="39"/>
      <c r="C10" s="39"/>
      <c r="D10" s="39"/>
      <c r="E10" s="39"/>
      <c r="F10" s="39"/>
    </row>
    <row r="11" spans="2:6" s="2" customFormat="1" ht="20.100000000000001" customHeight="1" x14ac:dyDescent="0.25">
      <c r="B11" s="95" t="s">
        <v>9</v>
      </c>
      <c r="C11" s="95"/>
      <c r="D11" s="95"/>
      <c r="E11" s="95"/>
      <c r="F11" s="95"/>
    </row>
    <row r="12" spans="2:6" s="2" customFormat="1" ht="20.100000000000001" customHeight="1" x14ac:dyDescent="0.25">
      <c r="B12" s="154" t="s">
        <v>184</v>
      </c>
      <c r="C12" s="154"/>
      <c r="D12" s="154"/>
      <c r="E12" s="43"/>
      <c r="F12" s="43"/>
    </row>
    <row r="13" spans="2:6" s="3" customFormat="1" ht="20.100000000000001" customHeight="1" x14ac:dyDescent="0.25">
      <c r="B13" s="96" t="s">
        <v>24</v>
      </c>
      <c r="C13" s="96"/>
      <c r="D13" s="96"/>
      <c r="E13" s="18"/>
      <c r="F13" s="19"/>
    </row>
    <row r="14" spans="2:6" ht="4.5" customHeight="1" x14ac:dyDescent="0.2">
      <c r="B14" s="44"/>
      <c r="C14" s="44"/>
      <c r="D14" s="44"/>
      <c r="E14" s="39"/>
      <c r="F14" s="39"/>
    </row>
    <row r="15" spans="2:6" ht="20.100000000000001" customHeight="1" x14ac:dyDescent="0.2">
      <c r="B15" s="38" t="s">
        <v>10</v>
      </c>
      <c r="C15" s="20"/>
      <c r="D15" s="20"/>
      <c r="E15" s="21"/>
      <c r="F15" s="21"/>
    </row>
    <row r="16" spans="2:6" s="3" customFormat="1" ht="24.95" customHeight="1" x14ac:dyDescent="0.25">
      <c r="B16" s="104" t="s">
        <v>60</v>
      </c>
      <c r="C16" s="104"/>
      <c r="D16" s="104"/>
      <c r="E16" s="18"/>
      <c r="F16" s="19"/>
    </row>
    <row r="17" spans="2:9" ht="5.0999999999999996" customHeight="1" x14ac:dyDescent="0.2">
      <c r="B17" s="103"/>
      <c r="C17" s="103"/>
      <c r="D17" s="103"/>
      <c r="F17" s="15"/>
    </row>
    <row r="18" spans="2:9" s="2" customFormat="1" ht="20.100000000000001" customHeight="1" x14ac:dyDescent="0.25">
      <c r="B18" s="97" t="s">
        <v>21</v>
      </c>
      <c r="C18" s="97"/>
      <c r="D18" s="97"/>
      <c r="E18" s="97"/>
      <c r="F18" s="97"/>
    </row>
    <row r="19" spans="2:9" ht="33.75" customHeight="1" x14ac:dyDescent="0.2">
      <c r="B19" s="102" t="s">
        <v>68</v>
      </c>
      <c r="C19" s="102"/>
      <c r="D19" s="102"/>
      <c r="E19" s="102"/>
      <c r="F19" s="102"/>
    </row>
    <row r="20" spans="2:9" ht="5.0999999999999996" customHeight="1" x14ac:dyDescent="0.2">
      <c r="B20" s="103"/>
      <c r="C20" s="103"/>
      <c r="D20" s="103"/>
      <c r="F20" s="15"/>
    </row>
    <row r="21" spans="2:9" s="2" customFormat="1" ht="20.100000000000001" customHeight="1" x14ac:dyDescent="0.25">
      <c r="B21" s="97" t="s">
        <v>22</v>
      </c>
      <c r="C21" s="97"/>
      <c r="D21" s="97"/>
      <c r="E21" s="97"/>
      <c r="F21" s="97"/>
    </row>
    <row r="22" spans="2:9" s="9" customFormat="1" ht="20.100000000000001" customHeight="1" x14ac:dyDescent="0.25">
      <c r="B22" s="145" t="s">
        <v>5</v>
      </c>
      <c r="C22" s="145"/>
      <c r="D22" s="145"/>
      <c r="E22" s="145"/>
      <c r="F22" s="145"/>
    </row>
    <row r="23" spans="2:9" s="9" customFormat="1" ht="20.100000000000001" customHeight="1" x14ac:dyDescent="0.25">
      <c r="B23" s="116" t="s">
        <v>15</v>
      </c>
      <c r="C23" s="117"/>
      <c r="D23" s="14"/>
      <c r="E23" s="14"/>
      <c r="F23" s="14"/>
    </row>
    <row r="24" spans="2:9" s="9" customFormat="1" ht="20.100000000000001" customHeight="1" x14ac:dyDescent="0.25">
      <c r="B24" s="13"/>
      <c r="C24" s="13" t="s">
        <v>19</v>
      </c>
      <c r="D24" s="14"/>
      <c r="E24" s="14"/>
      <c r="F24" s="14"/>
    </row>
    <row r="25" spans="2:9" s="9" customFormat="1" ht="20.100000000000001" customHeight="1" x14ac:dyDescent="0.25">
      <c r="B25" s="13"/>
      <c r="C25" s="13" t="s">
        <v>20</v>
      </c>
      <c r="D25" s="14"/>
      <c r="E25" s="14"/>
      <c r="F25" s="14"/>
    </row>
    <row r="26" spans="2:9" s="9" customFormat="1" ht="20.100000000000001" customHeight="1" x14ac:dyDescent="0.25">
      <c r="B26" s="116" t="s">
        <v>16</v>
      </c>
      <c r="C26" s="117"/>
      <c r="D26" s="14"/>
      <c r="E26" s="14"/>
      <c r="F26" s="14"/>
    </row>
    <row r="27" spans="2:9" s="9" customFormat="1" ht="26.25" customHeight="1" x14ac:dyDescent="0.25">
      <c r="B27" s="16" t="s">
        <v>17</v>
      </c>
      <c r="C27" s="146" t="s">
        <v>11</v>
      </c>
      <c r="D27" s="147"/>
      <c r="E27" s="17" t="s">
        <v>186</v>
      </c>
      <c r="F27" s="17" t="s">
        <v>185</v>
      </c>
    </row>
    <row r="28" spans="2:9" s="9" customFormat="1" ht="24.95" customHeight="1" x14ac:dyDescent="0.25">
      <c r="B28" s="45" t="s">
        <v>1</v>
      </c>
      <c r="C28" s="141" t="s">
        <v>67</v>
      </c>
      <c r="D28" s="142"/>
      <c r="E28" s="56" t="s">
        <v>65</v>
      </c>
      <c r="F28" s="67">
        <v>2</v>
      </c>
      <c r="I28" s="55"/>
    </row>
    <row r="29" spans="2:9" s="9" customFormat="1" ht="4.5" customHeight="1" x14ac:dyDescent="0.25">
      <c r="B29" s="14"/>
      <c r="C29" s="14"/>
      <c r="D29" s="14"/>
      <c r="E29" s="14"/>
      <c r="F29" s="14"/>
    </row>
    <row r="30" spans="2:9" s="9" customFormat="1" ht="20.100000000000001" customHeight="1" x14ac:dyDescent="0.25">
      <c r="B30" s="116" t="s">
        <v>18</v>
      </c>
      <c r="C30" s="117"/>
      <c r="D30" s="14"/>
      <c r="E30" s="14"/>
      <c r="F30" s="14"/>
    </row>
    <row r="31" spans="2:9" s="9" customFormat="1" ht="20.100000000000001" customHeight="1" x14ac:dyDescent="0.2">
      <c r="B31" s="10"/>
      <c r="C31" s="9" t="s">
        <v>2</v>
      </c>
      <c r="D31" s="14"/>
      <c r="E31" s="14"/>
      <c r="F31" s="14"/>
    </row>
    <row r="32" spans="2:9" s="9" customFormat="1" ht="20.100000000000001" customHeight="1" x14ac:dyDescent="0.25">
      <c r="B32" s="13"/>
      <c r="C32" s="2" t="s">
        <v>3</v>
      </c>
      <c r="D32" s="14"/>
      <c r="E32" s="14"/>
      <c r="F32" s="14"/>
    </row>
    <row r="33" spans="2:7" ht="5.0999999999999996" customHeight="1" x14ac:dyDescent="0.2"/>
    <row r="34" spans="2:7" s="2" customFormat="1" ht="20.100000000000001" customHeight="1" x14ac:dyDescent="0.25">
      <c r="B34" s="97" t="s">
        <v>23</v>
      </c>
      <c r="C34" s="97"/>
      <c r="D34" s="97"/>
      <c r="E34" s="97"/>
      <c r="F34" s="97"/>
    </row>
    <row r="35" spans="2:7" s="2" customFormat="1" ht="5.0999999999999996" customHeight="1" thickBot="1" x14ac:dyDescent="0.3">
      <c r="B35" s="15"/>
      <c r="D35" s="6"/>
      <c r="E35" s="6"/>
      <c r="F35" s="6"/>
    </row>
    <row r="36" spans="2:7" s="3" customFormat="1" ht="93" customHeight="1" x14ac:dyDescent="0.25">
      <c r="B36" s="98" t="s">
        <v>0</v>
      </c>
      <c r="C36" s="99"/>
      <c r="D36" s="120" t="s">
        <v>25</v>
      </c>
      <c r="E36" s="121"/>
      <c r="F36" s="122"/>
      <c r="G36" s="22"/>
    </row>
    <row r="37" spans="2:7" s="3" customFormat="1" ht="30" customHeight="1" thickBot="1" x14ac:dyDescent="0.3">
      <c r="B37" s="100"/>
      <c r="C37" s="101"/>
      <c r="D37" s="23" t="s">
        <v>26</v>
      </c>
      <c r="E37" s="143" t="s">
        <v>27</v>
      </c>
      <c r="F37" s="144"/>
    </row>
    <row r="38" spans="2:7" s="24" customFormat="1" ht="30.75" customHeight="1" x14ac:dyDescent="0.25">
      <c r="B38" s="111" t="s">
        <v>69</v>
      </c>
      <c r="C38" s="112"/>
      <c r="D38" s="112"/>
      <c r="E38" s="112"/>
      <c r="F38" s="113"/>
    </row>
    <row r="39" spans="2:7" s="4" customFormat="1" ht="24.95" customHeight="1" x14ac:dyDescent="0.25">
      <c r="B39" s="53" t="s">
        <v>13</v>
      </c>
      <c r="C39" s="59" t="s">
        <v>70</v>
      </c>
      <c r="D39" s="47"/>
      <c r="E39" s="107"/>
      <c r="F39" s="108"/>
    </row>
    <row r="40" spans="2:7" s="4" customFormat="1" ht="24.95" customHeight="1" x14ac:dyDescent="0.25">
      <c r="B40" s="53" t="s">
        <v>55</v>
      </c>
      <c r="C40" s="59" t="s">
        <v>71</v>
      </c>
      <c r="D40" s="47"/>
      <c r="E40" s="125"/>
      <c r="F40" s="126"/>
    </row>
    <row r="41" spans="2:7" s="4" customFormat="1" ht="24.95" customHeight="1" x14ac:dyDescent="0.25">
      <c r="B41" s="53" t="s">
        <v>56</v>
      </c>
      <c r="C41" s="59" t="s">
        <v>72</v>
      </c>
      <c r="D41" s="47"/>
      <c r="E41" s="105"/>
      <c r="F41" s="106"/>
    </row>
    <row r="42" spans="2:7" s="4" customFormat="1" ht="39.75" customHeight="1" x14ac:dyDescent="0.25">
      <c r="B42" s="53" t="s">
        <v>57</v>
      </c>
      <c r="C42" s="59" t="s">
        <v>94</v>
      </c>
      <c r="D42" s="47"/>
      <c r="E42" s="107"/>
      <c r="F42" s="108"/>
    </row>
    <row r="43" spans="2:7" s="4" customFormat="1" ht="24.95" customHeight="1" x14ac:dyDescent="0.25">
      <c r="B43" s="53" t="s">
        <v>58</v>
      </c>
      <c r="C43" s="59" t="s">
        <v>73</v>
      </c>
      <c r="D43" s="47"/>
      <c r="E43" s="125"/>
      <c r="F43" s="126"/>
    </row>
    <row r="44" spans="2:7" s="4" customFormat="1" ht="24.95" customHeight="1" x14ac:dyDescent="0.25">
      <c r="B44" s="53" t="s">
        <v>59</v>
      </c>
      <c r="C44" s="59" t="s">
        <v>74</v>
      </c>
      <c r="D44" s="47"/>
      <c r="E44" s="125"/>
      <c r="F44" s="126"/>
    </row>
    <row r="45" spans="2:7" s="4" customFormat="1" ht="24.95" customHeight="1" x14ac:dyDescent="0.25">
      <c r="B45" s="53" t="s">
        <v>62</v>
      </c>
      <c r="C45" s="59" t="s">
        <v>85</v>
      </c>
      <c r="D45" s="47"/>
      <c r="E45" s="107"/>
      <c r="F45" s="108"/>
    </row>
    <row r="46" spans="2:7" s="4" customFormat="1" ht="24.95" customHeight="1" x14ac:dyDescent="0.25">
      <c r="B46" s="53" t="s">
        <v>75</v>
      </c>
      <c r="C46" s="59" t="s">
        <v>86</v>
      </c>
      <c r="D46" s="47"/>
      <c r="E46" s="107"/>
      <c r="F46" s="108"/>
    </row>
    <row r="47" spans="2:7" s="4" customFormat="1" ht="24.95" customHeight="1" x14ac:dyDescent="0.25">
      <c r="B47" s="53" t="s">
        <v>76</v>
      </c>
      <c r="C47" s="59" t="s">
        <v>87</v>
      </c>
      <c r="D47" s="47"/>
      <c r="E47" s="107"/>
      <c r="F47" s="108"/>
    </row>
    <row r="48" spans="2:7" s="4" customFormat="1" ht="24.95" customHeight="1" x14ac:dyDescent="0.25">
      <c r="B48" s="53" t="s">
        <v>77</v>
      </c>
      <c r="C48" s="59" t="s">
        <v>88</v>
      </c>
      <c r="D48" s="47"/>
      <c r="E48" s="107"/>
      <c r="F48" s="108"/>
    </row>
    <row r="49" spans="2:6" s="4" customFormat="1" ht="24.95" customHeight="1" x14ac:dyDescent="0.25">
      <c r="B49" s="53" t="s">
        <v>78</v>
      </c>
      <c r="C49" s="59" t="s">
        <v>89</v>
      </c>
      <c r="D49" s="47"/>
      <c r="E49" s="107"/>
      <c r="F49" s="108"/>
    </row>
    <row r="50" spans="2:6" s="4" customFormat="1" ht="24.95" customHeight="1" x14ac:dyDescent="0.25">
      <c r="B50" s="53" t="s">
        <v>79</v>
      </c>
      <c r="C50" s="59" t="s">
        <v>90</v>
      </c>
      <c r="D50" s="47"/>
      <c r="E50" s="107"/>
      <c r="F50" s="108"/>
    </row>
    <row r="51" spans="2:6" s="4" customFormat="1" ht="24.75" customHeight="1" x14ac:dyDescent="0.25">
      <c r="B51" s="53" t="s">
        <v>80</v>
      </c>
      <c r="C51" s="59" t="s">
        <v>95</v>
      </c>
      <c r="D51" s="47"/>
      <c r="E51" s="107"/>
      <c r="F51" s="108"/>
    </row>
    <row r="52" spans="2:6" s="4" customFormat="1" ht="24.95" customHeight="1" x14ac:dyDescent="0.25">
      <c r="B52" s="53" t="s">
        <v>81</v>
      </c>
      <c r="C52" s="59" t="s">
        <v>91</v>
      </c>
      <c r="D52" s="47"/>
      <c r="E52" s="107"/>
      <c r="F52" s="108"/>
    </row>
    <row r="53" spans="2:6" s="4" customFormat="1" ht="24.95" customHeight="1" x14ac:dyDescent="0.25">
      <c r="B53" s="53" t="s">
        <v>82</v>
      </c>
      <c r="C53" s="59" t="s">
        <v>92</v>
      </c>
      <c r="D53" s="47"/>
      <c r="E53" s="107"/>
      <c r="F53" s="108"/>
    </row>
    <row r="54" spans="2:6" s="4" customFormat="1" ht="24.95" customHeight="1" x14ac:dyDescent="0.25">
      <c r="B54" s="53" t="s">
        <v>83</v>
      </c>
      <c r="C54" s="59" t="s">
        <v>93</v>
      </c>
      <c r="D54" s="47"/>
      <c r="E54" s="107"/>
      <c r="F54" s="108"/>
    </row>
    <row r="55" spans="2:6" s="4" customFormat="1" ht="24.95" customHeight="1" thickBot="1" x14ac:dyDescent="0.3">
      <c r="B55" s="62" t="s">
        <v>84</v>
      </c>
      <c r="C55" s="60" t="s">
        <v>96</v>
      </c>
      <c r="D55" s="57"/>
      <c r="E55" s="109"/>
      <c r="F55" s="110"/>
    </row>
    <row r="56" spans="2:6" s="3" customFormat="1" ht="5.0999999999999996" customHeight="1" x14ac:dyDescent="0.25">
      <c r="B56" s="5"/>
      <c r="C56" s="5"/>
      <c r="D56" s="7"/>
      <c r="E56" s="7"/>
      <c r="F56" s="25"/>
    </row>
    <row r="57" spans="2:6" s="2" customFormat="1" ht="20.100000000000001" customHeight="1" x14ac:dyDescent="0.25">
      <c r="B57" s="97" t="s">
        <v>45</v>
      </c>
      <c r="C57" s="97"/>
      <c r="D57" s="97"/>
      <c r="E57" s="97"/>
      <c r="F57" s="97"/>
    </row>
    <row r="58" spans="2:6" s="2" customFormat="1" ht="5.0999999999999996" customHeight="1" thickBot="1" x14ac:dyDescent="0.3">
      <c r="B58" s="15"/>
      <c r="D58" s="6"/>
      <c r="E58" s="6"/>
      <c r="F58" s="6"/>
    </row>
    <row r="59" spans="2:6" s="3" customFormat="1" ht="71.25" customHeight="1" x14ac:dyDescent="0.25">
      <c r="B59" s="98" t="s">
        <v>7</v>
      </c>
      <c r="C59" s="99"/>
      <c r="D59" s="120" t="s">
        <v>28</v>
      </c>
      <c r="E59" s="121"/>
      <c r="F59" s="122"/>
    </row>
    <row r="60" spans="2:6" s="3" customFormat="1" ht="30" customHeight="1" thickBot="1" x14ac:dyDescent="0.3">
      <c r="B60" s="100"/>
      <c r="C60" s="101"/>
      <c r="D60" s="23" t="s">
        <v>6</v>
      </c>
      <c r="E60" s="128" t="s">
        <v>29</v>
      </c>
      <c r="F60" s="129"/>
    </row>
    <row r="61" spans="2:6" s="2" customFormat="1" ht="26.25" customHeight="1" x14ac:dyDescent="0.25">
      <c r="B61" s="69" t="s">
        <v>13</v>
      </c>
      <c r="C61" s="91" t="s">
        <v>97</v>
      </c>
      <c r="D61" s="47"/>
      <c r="E61" s="149"/>
      <c r="F61" s="150"/>
    </row>
    <row r="62" spans="2:6" s="2" customFormat="1" ht="21.75" customHeight="1" x14ac:dyDescent="0.25">
      <c r="B62" s="70" t="s">
        <v>55</v>
      </c>
      <c r="C62" s="71" t="s">
        <v>183</v>
      </c>
      <c r="D62" s="47"/>
      <c r="E62" s="151"/>
      <c r="F62" s="133"/>
    </row>
    <row r="63" spans="2:6" s="2" customFormat="1" ht="56.25" customHeight="1" x14ac:dyDescent="0.25">
      <c r="B63" s="72" t="s">
        <v>116</v>
      </c>
      <c r="C63" s="73" t="s">
        <v>117</v>
      </c>
      <c r="D63" s="47"/>
      <c r="E63" s="151"/>
      <c r="F63" s="133"/>
    </row>
    <row r="64" spans="2:6" s="2" customFormat="1" ht="15.75" customHeight="1" x14ac:dyDescent="0.25">
      <c r="B64" s="72" t="s">
        <v>118</v>
      </c>
      <c r="C64" s="73" t="s">
        <v>119</v>
      </c>
      <c r="D64" s="47"/>
      <c r="E64" s="151"/>
      <c r="F64" s="133"/>
    </row>
    <row r="65" spans="2:6" s="2" customFormat="1" ht="20.25" customHeight="1" x14ac:dyDescent="0.25">
      <c r="B65" s="72" t="s">
        <v>120</v>
      </c>
      <c r="C65" s="73" t="s">
        <v>121</v>
      </c>
      <c r="D65" s="47"/>
      <c r="E65" s="151"/>
      <c r="F65" s="133"/>
    </row>
    <row r="66" spans="2:6" s="2" customFormat="1" ht="50.25" customHeight="1" x14ac:dyDescent="0.25">
      <c r="B66" s="72" t="s">
        <v>122</v>
      </c>
      <c r="C66" s="73" t="s">
        <v>123</v>
      </c>
      <c r="D66" s="47"/>
      <c r="E66" s="151"/>
      <c r="F66" s="133"/>
    </row>
    <row r="67" spans="2:6" s="2" customFormat="1" ht="44.25" customHeight="1" x14ac:dyDescent="0.25">
      <c r="B67" s="72" t="s">
        <v>124</v>
      </c>
      <c r="C67" s="73" t="s">
        <v>174</v>
      </c>
      <c r="D67" s="47"/>
      <c r="E67" s="151"/>
      <c r="F67" s="133"/>
    </row>
    <row r="68" spans="2:6" s="2" customFormat="1" ht="126" customHeight="1" x14ac:dyDescent="0.25">
      <c r="B68" s="74" t="s">
        <v>125</v>
      </c>
      <c r="C68" s="75" t="s">
        <v>176</v>
      </c>
      <c r="D68" s="47"/>
      <c r="E68" s="151"/>
      <c r="F68" s="133"/>
    </row>
    <row r="69" spans="2:6" s="2" customFormat="1" ht="49.5" customHeight="1" x14ac:dyDescent="0.25">
      <c r="B69" s="76" t="s">
        <v>56</v>
      </c>
      <c r="C69" s="77" t="s">
        <v>177</v>
      </c>
      <c r="D69" s="47"/>
      <c r="E69" s="151"/>
      <c r="F69" s="133"/>
    </row>
    <row r="70" spans="2:6" s="2" customFormat="1" ht="105.75" customHeight="1" x14ac:dyDescent="0.25">
      <c r="B70" s="78" t="s">
        <v>57</v>
      </c>
      <c r="C70" s="77" t="s">
        <v>126</v>
      </c>
      <c r="D70" s="47"/>
      <c r="E70" s="151"/>
      <c r="F70" s="133"/>
    </row>
    <row r="71" spans="2:6" s="2" customFormat="1" ht="73.5" customHeight="1" x14ac:dyDescent="0.25">
      <c r="B71" s="76" t="s">
        <v>58</v>
      </c>
      <c r="C71" s="77" t="s">
        <v>178</v>
      </c>
      <c r="D71" s="47"/>
      <c r="E71" s="151"/>
      <c r="F71" s="133"/>
    </row>
    <row r="72" spans="2:6" s="2" customFormat="1" ht="81" customHeight="1" x14ac:dyDescent="0.25">
      <c r="B72" s="76" t="s">
        <v>59</v>
      </c>
      <c r="C72" s="77" t="s">
        <v>127</v>
      </c>
      <c r="D72" s="47"/>
      <c r="E72" s="151"/>
      <c r="F72" s="133"/>
    </row>
    <row r="73" spans="2:6" s="2" customFormat="1" ht="58.5" customHeight="1" x14ac:dyDescent="0.25">
      <c r="B73" s="76" t="s">
        <v>62</v>
      </c>
      <c r="C73" s="77" t="s">
        <v>128</v>
      </c>
      <c r="D73" s="47"/>
      <c r="E73" s="151"/>
      <c r="F73" s="133"/>
    </row>
    <row r="74" spans="2:6" s="2" customFormat="1" ht="64.5" customHeight="1" x14ac:dyDescent="0.25">
      <c r="B74" s="79" t="s">
        <v>98</v>
      </c>
      <c r="C74" s="77" t="s">
        <v>129</v>
      </c>
      <c r="D74" s="47"/>
      <c r="E74" s="151"/>
      <c r="F74" s="133"/>
    </row>
    <row r="75" spans="2:6" s="2" customFormat="1" ht="82.5" customHeight="1" x14ac:dyDescent="0.25">
      <c r="B75" s="79" t="s">
        <v>99</v>
      </c>
      <c r="C75" s="77" t="s">
        <v>130</v>
      </c>
      <c r="D75" s="47"/>
      <c r="E75" s="151"/>
      <c r="F75" s="133"/>
    </row>
    <row r="76" spans="2:6" s="2" customFormat="1" ht="132.75" customHeight="1" x14ac:dyDescent="0.25">
      <c r="B76" s="85" t="s">
        <v>100</v>
      </c>
      <c r="C76" s="68" t="s">
        <v>179</v>
      </c>
      <c r="D76" s="47"/>
      <c r="E76" s="151"/>
      <c r="F76" s="133"/>
    </row>
    <row r="77" spans="2:6" s="2" customFormat="1" ht="111" customHeight="1" x14ac:dyDescent="0.25">
      <c r="B77" s="80" t="s">
        <v>101</v>
      </c>
      <c r="C77" s="81" t="s">
        <v>180</v>
      </c>
      <c r="D77" s="47"/>
      <c r="E77" s="151"/>
      <c r="F77" s="133"/>
    </row>
    <row r="78" spans="2:6" s="2" customFormat="1" ht="159.75" customHeight="1" x14ac:dyDescent="0.25">
      <c r="B78" s="82" t="s">
        <v>102</v>
      </c>
      <c r="C78" s="71" t="s">
        <v>131</v>
      </c>
      <c r="D78" s="47"/>
      <c r="E78" s="151"/>
      <c r="F78" s="133"/>
    </row>
    <row r="79" spans="2:6" s="2" customFormat="1" ht="68.25" customHeight="1" x14ac:dyDescent="0.25">
      <c r="B79" s="83" t="s">
        <v>103</v>
      </c>
      <c r="C79" s="73" t="s">
        <v>132</v>
      </c>
      <c r="D79" s="47"/>
      <c r="E79" s="151"/>
      <c r="F79" s="133"/>
    </row>
    <row r="80" spans="2:6" s="2" customFormat="1" ht="83.25" customHeight="1" x14ac:dyDescent="0.25">
      <c r="B80" s="84" t="s">
        <v>133</v>
      </c>
      <c r="C80" s="75" t="s">
        <v>134</v>
      </c>
      <c r="D80" s="47"/>
      <c r="E80" s="151"/>
      <c r="F80" s="133"/>
    </row>
    <row r="81" spans="2:6" s="2" customFormat="1" ht="99" customHeight="1" x14ac:dyDescent="0.25">
      <c r="B81" s="85" t="s">
        <v>104</v>
      </c>
      <c r="C81" s="77" t="s">
        <v>135</v>
      </c>
      <c r="D81" s="47"/>
      <c r="E81" s="151"/>
      <c r="F81" s="133"/>
    </row>
    <row r="82" spans="2:6" s="2" customFormat="1" ht="105.75" customHeight="1" x14ac:dyDescent="0.25">
      <c r="B82" s="86" t="s">
        <v>105</v>
      </c>
      <c r="C82" s="87" t="s">
        <v>136</v>
      </c>
      <c r="D82" s="47"/>
      <c r="E82" s="151"/>
      <c r="F82" s="133"/>
    </row>
    <row r="83" spans="2:6" s="2" customFormat="1" ht="36.75" customHeight="1" x14ac:dyDescent="0.25">
      <c r="B83" s="83" t="s">
        <v>137</v>
      </c>
      <c r="C83" s="73" t="s">
        <v>138</v>
      </c>
      <c r="D83" s="47"/>
      <c r="E83" s="151"/>
      <c r="F83" s="133"/>
    </row>
    <row r="84" spans="2:6" s="2" customFormat="1" ht="42.75" customHeight="1" x14ac:dyDescent="0.25">
      <c r="B84" s="83" t="s">
        <v>139</v>
      </c>
      <c r="C84" s="73" t="s">
        <v>140</v>
      </c>
      <c r="D84" s="47"/>
      <c r="E84" s="151"/>
      <c r="F84" s="133"/>
    </row>
    <row r="85" spans="2:6" s="2" customFormat="1" ht="72.75" customHeight="1" x14ac:dyDescent="0.25">
      <c r="B85" s="83" t="s">
        <v>141</v>
      </c>
      <c r="C85" s="73" t="s">
        <v>142</v>
      </c>
      <c r="D85" s="47"/>
      <c r="E85" s="151"/>
      <c r="F85" s="133"/>
    </row>
    <row r="86" spans="2:6" s="2" customFormat="1" ht="57" customHeight="1" x14ac:dyDescent="0.25">
      <c r="B86" s="83" t="s">
        <v>143</v>
      </c>
      <c r="C86" s="73" t="s">
        <v>175</v>
      </c>
      <c r="D86" s="47"/>
      <c r="E86" s="151"/>
      <c r="F86" s="133"/>
    </row>
    <row r="87" spans="2:6" s="2" customFormat="1" ht="39" customHeight="1" x14ac:dyDescent="0.25">
      <c r="B87" s="83" t="s">
        <v>144</v>
      </c>
      <c r="C87" s="73" t="s">
        <v>145</v>
      </c>
      <c r="D87" s="47"/>
      <c r="E87" s="151"/>
      <c r="F87" s="133"/>
    </row>
    <row r="88" spans="2:6" s="2" customFormat="1" ht="69" customHeight="1" x14ac:dyDescent="0.25">
      <c r="B88" s="83" t="s">
        <v>146</v>
      </c>
      <c r="C88" s="73" t="s">
        <v>147</v>
      </c>
      <c r="D88" s="47"/>
      <c r="E88" s="151"/>
      <c r="F88" s="133"/>
    </row>
    <row r="89" spans="2:6" s="2" customFormat="1" ht="37.5" customHeight="1" x14ac:dyDescent="0.25">
      <c r="B89" s="83" t="s">
        <v>148</v>
      </c>
      <c r="C89" s="73" t="s">
        <v>149</v>
      </c>
      <c r="D89" s="47"/>
      <c r="E89" s="151"/>
      <c r="F89" s="133"/>
    </row>
    <row r="90" spans="2:6" s="2" customFormat="1" ht="38.25" customHeight="1" x14ac:dyDescent="0.25">
      <c r="B90" s="83" t="s">
        <v>150</v>
      </c>
      <c r="C90" s="73" t="s">
        <v>151</v>
      </c>
      <c r="D90" s="47"/>
      <c r="E90" s="151"/>
      <c r="F90" s="133"/>
    </row>
    <row r="91" spans="2:6" s="2" customFormat="1" ht="50.25" customHeight="1" x14ac:dyDescent="0.25">
      <c r="B91" s="83" t="s">
        <v>152</v>
      </c>
      <c r="C91" s="73" t="s">
        <v>153</v>
      </c>
      <c r="D91" s="47"/>
      <c r="E91" s="151"/>
      <c r="F91" s="133"/>
    </row>
    <row r="92" spans="2:6" s="2" customFormat="1" ht="66.75" customHeight="1" x14ac:dyDescent="0.25">
      <c r="B92" s="85" t="s">
        <v>106</v>
      </c>
      <c r="C92" s="77" t="s">
        <v>154</v>
      </c>
      <c r="D92" s="47"/>
      <c r="E92" s="151"/>
      <c r="F92" s="133"/>
    </row>
    <row r="93" spans="2:6" s="2" customFormat="1" ht="35.25" customHeight="1" x14ac:dyDescent="0.25">
      <c r="B93" s="86" t="s">
        <v>107</v>
      </c>
      <c r="C93" s="71" t="s">
        <v>155</v>
      </c>
      <c r="D93" s="88"/>
      <c r="E93" s="151"/>
      <c r="F93" s="133"/>
    </row>
    <row r="94" spans="2:6" s="2" customFormat="1" ht="38.25" customHeight="1" x14ac:dyDescent="0.25">
      <c r="B94" s="83" t="s">
        <v>156</v>
      </c>
      <c r="C94" s="73" t="s">
        <v>157</v>
      </c>
      <c r="D94" s="88"/>
      <c r="E94" s="151"/>
      <c r="F94" s="133"/>
    </row>
    <row r="95" spans="2:6" s="2" customFormat="1" ht="34.5" customHeight="1" x14ac:dyDescent="0.25">
      <c r="B95" s="84" t="s">
        <v>158</v>
      </c>
      <c r="C95" s="75" t="s">
        <v>159</v>
      </c>
      <c r="D95" s="88"/>
      <c r="E95" s="151"/>
      <c r="F95" s="133"/>
    </row>
    <row r="96" spans="2:6" s="2" customFormat="1" ht="66.75" customHeight="1" x14ac:dyDescent="0.25">
      <c r="B96" s="82" t="s">
        <v>108</v>
      </c>
      <c r="C96" s="87" t="s">
        <v>160</v>
      </c>
      <c r="D96" s="88"/>
      <c r="E96" s="151"/>
      <c r="F96" s="133"/>
    </row>
    <row r="97" spans="2:7" s="2" customFormat="1" ht="58.5" customHeight="1" x14ac:dyDescent="0.25">
      <c r="B97" s="83" t="s">
        <v>161</v>
      </c>
      <c r="C97" s="73" t="s">
        <v>182</v>
      </c>
      <c r="D97" s="88"/>
      <c r="E97" s="151"/>
      <c r="F97" s="133"/>
    </row>
    <row r="98" spans="2:7" s="2" customFormat="1" ht="42.75" customHeight="1" x14ac:dyDescent="0.25">
      <c r="B98" s="89" t="s">
        <v>162</v>
      </c>
      <c r="C98" s="75" t="s">
        <v>181</v>
      </c>
      <c r="D98" s="88"/>
      <c r="E98" s="151"/>
      <c r="F98" s="133"/>
    </row>
    <row r="99" spans="2:7" s="2" customFormat="1" ht="144.75" customHeight="1" x14ac:dyDescent="0.25">
      <c r="B99" s="85" t="s">
        <v>110</v>
      </c>
      <c r="C99" s="77" t="s">
        <v>163</v>
      </c>
      <c r="D99" s="88"/>
      <c r="E99" s="151"/>
      <c r="F99" s="133"/>
    </row>
    <row r="100" spans="2:7" s="2" customFormat="1" ht="57" customHeight="1" x14ac:dyDescent="0.25">
      <c r="B100" s="85" t="s">
        <v>111</v>
      </c>
      <c r="C100" s="77" t="s">
        <v>164</v>
      </c>
      <c r="D100" s="88"/>
      <c r="E100" s="151"/>
      <c r="F100" s="133"/>
    </row>
    <row r="101" spans="2:7" s="2" customFormat="1" ht="66.75" customHeight="1" x14ac:dyDescent="0.25">
      <c r="B101" s="90" t="s">
        <v>113</v>
      </c>
      <c r="C101" s="77" t="s">
        <v>165</v>
      </c>
      <c r="D101" s="88"/>
      <c r="E101" s="151"/>
      <c r="F101" s="133"/>
    </row>
    <row r="102" spans="2:7" s="2" customFormat="1" ht="88.5" customHeight="1" x14ac:dyDescent="0.25">
      <c r="B102" s="85" t="s">
        <v>115</v>
      </c>
      <c r="C102" s="92" t="s">
        <v>109</v>
      </c>
      <c r="D102" s="88"/>
      <c r="E102" s="151"/>
      <c r="F102" s="133"/>
    </row>
    <row r="103" spans="2:7" s="2" customFormat="1" ht="182.25" customHeight="1" x14ac:dyDescent="0.25">
      <c r="B103" s="85" t="s">
        <v>166</v>
      </c>
      <c r="C103" s="92" t="s">
        <v>167</v>
      </c>
      <c r="D103" s="88"/>
      <c r="E103" s="151"/>
      <c r="F103" s="133"/>
    </row>
    <row r="104" spans="2:7" s="2" customFormat="1" ht="97.5" customHeight="1" x14ac:dyDescent="0.25">
      <c r="B104" s="85" t="s">
        <v>168</v>
      </c>
      <c r="C104" s="92" t="s">
        <v>112</v>
      </c>
      <c r="D104" s="88"/>
      <c r="E104" s="151"/>
      <c r="F104" s="133"/>
    </row>
    <row r="105" spans="2:7" s="2" customFormat="1" ht="131.25" customHeight="1" x14ac:dyDescent="0.25">
      <c r="B105" s="85" t="s">
        <v>169</v>
      </c>
      <c r="C105" s="92" t="s">
        <v>114</v>
      </c>
      <c r="D105" s="88"/>
      <c r="E105" s="151"/>
      <c r="F105" s="133"/>
    </row>
    <row r="106" spans="2:7" s="2" customFormat="1" ht="65.25" customHeight="1" x14ac:dyDescent="0.25">
      <c r="B106" s="85" t="s">
        <v>170</v>
      </c>
      <c r="C106" s="93" t="s">
        <v>171</v>
      </c>
      <c r="D106" s="88"/>
      <c r="E106" s="151"/>
      <c r="F106" s="133"/>
    </row>
    <row r="107" spans="2:7" s="2" customFormat="1" ht="45.75" customHeight="1" thickBot="1" x14ac:dyDescent="0.3">
      <c r="B107" s="148" t="s">
        <v>172</v>
      </c>
      <c r="C107" s="94" t="s">
        <v>173</v>
      </c>
      <c r="D107" s="57"/>
      <c r="E107" s="152"/>
      <c r="F107" s="153"/>
    </row>
    <row r="108" spans="2:7" s="3" customFormat="1" ht="5.0999999999999996" customHeight="1" x14ac:dyDescent="0.25">
      <c r="B108" s="5"/>
      <c r="C108" s="5"/>
      <c r="D108" s="7"/>
      <c r="E108" s="7"/>
      <c r="F108" s="25"/>
      <c r="G108" s="2"/>
    </row>
    <row r="109" spans="2:7" s="2" customFormat="1" ht="20.100000000000001" customHeight="1" x14ac:dyDescent="0.25">
      <c r="B109" s="97" t="s">
        <v>51</v>
      </c>
      <c r="C109" s="97"/>
      <c r="D109" s="97"/>
      <c r="E109" s="97"/>
      <c r="F109" s="97"/>
    </row>
    <row r="110" spans="2:7" s="2" customFormat="1" ht="4.5" customHeight="1" thickBot="1" x14ac:dyDescent="0.3"/>
    <row r="111" spans="2:7" s="2" customFormat="1" ht="80.25" customHeight="1" x14ac:dyDescent="0.25">
      <c r="B111" s="98" t="s">
        <v>52</v>
      </c>
      <c r="C111" s="99"/>
      <c r="D111" s="120" t="s">
        <v>53</v>
      </c>
      <c r="E111" s="121"/>
      <c r="F111" s="122"/>
    </row>
    <row r="112" spans="2:7" s="3" customFormat="1" ht="29.25" customHeight="1" thickBot="1" x14ac:dyDescent="0.3">
      <c r="B112" s="100"/>
      <c r="C112" s="101"/>
      <c r="D112" s="23" t="s">
        <v>6</v>
      </c>
      <c r="E112" s="128" t="s">
        <v>29</v>
      </c>
      <c r="F112" s="129"/>
      <c r="G112" s="2"/>
    </row>
    <row r="113" spans="2:7" s="3" customFormat="1" ht="27" customHeight="1" x14ac:dyDescent="0.25">
      <c r="B113" s="48" t="s">
        <v>13</v>
      </c>
      <c r="C113" s="49" t="s">
        <v>61</v>
      </c>
      <c r="D113" s="50"/>
      <c r="E113" s="118"/>
      <c r="F113" s="119"/>
      <c r="G113" s="2"/>
    </row>
    <row r="114" spans="2:7" s="3" customFormat="1" ht="59.25" customHeight="1" thickBot="1" x14ac:dyDescent="0.3">
      <c r="B114" s="46" t="s">
        <v>55</v>
      </c>
      <c r="C114" s="61" t="s">
        <v>63</v>
      </c>
      <c r="D114" s="52"/>
      <c r="E114" s="66"/>
      <c r="F114" s="65"/>
      <c r="G114" s="2"/>
    </row>
    <row r="115" spans="2:7" s="3" customFormat="1" ht="54" customHeight="1" x14ac:dyDescent="0.25">
      <c r="B115" s="58" t="s">
        <v>56</v>
      </c>
      <c r="C115" s="63" t="s">
        <v>64</v>
      </c>
      <c r="D115" s="64"/>
      <c r="E115" s="132"/>
      <c r="F115" s="133"/>
      <c r="G115" s="2"/>
    </row>
    <row r="116" spans="2:7" s="3" customFormat="1" ht="30.75" customHeight="1" thickBot="1" x14ac:dyDescent="0.3">
      <c r="B116" s="51" t="s">
        <v>57</v>
      </c>
      <c r="C116" s="54" t="s">
        <v>54</v>
      </c>
      <c r="D116" s="52"/>
      <c r="E116" s="130"/>
      <c r="F116" s="131"/>
      <c r="G116" s="2"/>
    </row>
    <row r="117" spans="2:7" s="2" customFormat="1" ht="5.0999999999999996" customHeight="1" x14ac:dyDescent="0.25">
      <c r="B117" s="5"/>
      <c r="C117" s="5"/>
      <c r="D117" s="7"/>
      <c r="E117" s="7"/>
      <c r="F117" s="25"/>
    </row>
    <row r="118" spans="2:7" s="2" customFormat="1" ht="20.100000000000001" customHeight="1" x14ac:dyDescent="0.25">
      <c r="B118" s="97" t="s">
        <v>12</v>
      </c>
      <c r="C118" s="97"/>
      <c r="D118" s="97"/>
      <c r="E118" s="97"/>
      <c r="F118" s="97"/>
    </row>
    <row r="119" spans="2:7" s="3" customFormat="1" ht="30" customHeight="1" x14ac:dyDescent="0.25">
      <c r="B119" s="5" t="s">
        <v>14</v>
      </c>
      <c r="C119" s="138" t="s">
        <v>66</v>
      </c>
      <c r="D119" s="138"/>
      <c r="E119" s="138"/>
      <c r="F119" s="138"/>
      <c r="G119" s="2"/>
    </row>
    <row r="120" spans="2:7" s="27" customFormat="1" ht="30" customHeight="1" x14ac:dyDescent="0.25">
      <c r="B120" s="5" t="s">
        <v>30</v>
      </c>
      <c r="C120" s="138" t="s">
        <v>31</v>
      </c>
      <c r="D120" s="138"/>
      <c r="E120" s="138"/>
      <c r="F120" s="138"/>
      <c r="G120" s="2"/>
    </row>
    <row r="121" spans="2:7" s="27" customFormat="1" ht="30" customHeight="1" x14ac:dyDescent="0.25">
      <c r="B121" s="139" t="s">
        <v>32</v>
      </c>
      <c r="C121" s="139"/>
      <c r="D121" s="139"/>
      <c r="E121" s="139"/>
      <c r="F121" s="3"/>
      <c r="G121" s="2"/>
    </row>
    <row r="122" spans="2:7" s="2" customFormat="1" ht="24.95" customHeight="1" x14ac:dyDescent="0.25">
      <c r="B122" s="26" t="s">
        <v>33</v>
      </c>
      <c r="C122" s="136"/>
      <c r="D122" s="136"/>
      <c r="F122" s="27"/>
    </row>
    <row r="123" spans="2:7" s="2" customFormat="1" ht="24.95" customHeight="1" x14ac:dyDescent="0.25">
      <c r="B123" s="26" t="s">
        <v>34</v>
      </c>
      <c r="C123" s="136"/>
      <c r="D123" s="136"/>
      <c r="F123" s="27"/>
    </row>
    <row r="124" spans="2:7" s="2" customFormat="1" ht="24.95" customHeight="1" x14ac:dyDescent="0.25">
      <c r="B124" s="26" t="s">
        <v>35</v>
      </c>
      <c r="C124" s="136"/>
      <c r="D124" s="136"/>
      <c r="F124" s="27"/>
    </row>
    <row r="125" spans="2:7" s="3" customFormat="1" ht="24.95" customHeight="1" x14ac:dyDescent="0.25">
      <c r="B125" s="26" t="s">
        <v>36</v>
      </c>
      <c r="C125" s="136"/>
      <c r="D125" s="136"/>
      <c r="E125" s="2"/>
      <c r="F125" s="28"/>
      <c r="G125" s="2"/>
    </row>
    <row r="126" spans="2:7" s="2" customFormat="1" ht="14.25" customHeight="1" x14ac:dyDescent="0.2">
      <c r="B126" s="11"/>
      <c r="C126" s="12"/>
      <c r="D126" s="12"/>
      <c r="F126" s="29"/>
    </row>
    <row r="127" spans="2:7" s="3" customFormat="1" ht="15" customHeight="1" x14ac:dyDescent="0.25">
      <c r="B127" s="140" t="s">
        <v>37</v>
      </c>
      <c r="C127" s="140"/>
      <c r="D127" s="140"/>
      <c r="E127" s="140"/>
      <c r="F127" s="140"/>
    </row>
    <row r="128" spans="2:7" s="2" customFormat="1" ht="36.75" customHeight="1" x14ac:dyDescent="0.25">
      <c r="B128" s="137" t="s">
        <v>48</v>
      </c>
      <c r="C128" s="137"/>
      <c r="D128" s="137"/>
      <c r="E128" s="137"/>
      <c r="F128" s="137"/>
    </row>
    <row r="129" spans="2:6" s="2" customFormat="1" ht="20.100000000000001" customHeight="1" x14ac:dyDescent="0.2">
      <c r="B129" s="1"/>
      <c r="C129" s="1"/>
      <c r="D129" s="8"/>
      <c r="E129" s="8"/>
    </row>
    <row r="130" spans="2:6" s="3" customFormat="1" ht="4.5" customHeight="1" x14ac:dyDescent="0.2">
      <c r="B130" s="1"/>
      <c r="C130" s="1"/>
      <c r="D130" s="8"/>
      <c r="E130" s="8"/>
      <c r="F130" s="2"/>
    </row>
    <row r="131" spans="2:6" s="3" customFormat="1" ht="20.100000000000001" customHeight="1" x14ac:dyDescent="0.25">
      <c r="B131" s="30" t="s">
        <v>38</v>
      </c>
      <c r="C131" s="31"/>
      <c r="D131" s="32" t="s">
        <v>39</v>
      </c>
      <c r="E131" s="134"/>
      <c r="F131" s="134"/>
    </row>
    <row r="132" spans="2:6" s="3" customFormat="1" ht="20.100000000000001" customHeight="1" x14ac:dyDescent="0.25">
      <c r="B132" s="33"/>
      <c r="C132" s="33"/>
      <c r="D132" s="33"/>
      <c r="E132" s="34"/>
      <c r="F132" s="34"/>
    </row>
    <row r="133" spans="2:6" ht="20.100000000000001" customHeight="1" x14ac:dyDescent="0.2">
      <c r="B133" s="30" t="s">
        <v>40</v>
      </c>
      <c r="C133" s="31"/>
      <c r="D133" s="35" t="s">
        <v>41</v>
      </c>
      <c r="E133" s="135"/>
      <c r="F133" s="135"/>
    </row>
    <row r="134" spans="2:6" s="2" customFormat="1" ht="20.100000000000001" customHeight="1" x14ac:dyDescent="0.2">
      <c r="B134" s="1"/>
      <c r="C134" s="1"/>
      <c r="D134" s="35" t="s">
        <v>42</v>
      </c>
      <c r="E134" s="136"/>
      <c r="F134" s="136"/>
    </row>
    <row r="135" spans="2:6" s="2" customFormat="1" ht="20.100000000000001" customHeight="1" x14ac:dyDescent="0.2">
      <c r="B135" s="1"/>
      <c r="C135" s="1"/>
      <c r="D135" s="36" t="s">
        <v>43</v>
      </c>
      <c r="E135" s="1"/>
    </row>
    <row r="136" spans="2:6" s="2" customFormat="1" ht="37.5" customHeight="1" x14ac:dyDescent="0.25"/>
    <row r="137" spans="2:6" s="2" customFormat="1" ht="24" customHeight="1" x14ac:dyDescent="0.25"/>
    <row r="138" spans="2:6" s="2" customFormat="1" ht="24" customHeight="1" x14ac:dyDescent="0.25"/>
    <row r="139" spans="2:6" s="2" customFormat="1" ht="24" customHeight="1" x14ac:dyDescent="0.25"/>
    <row r="140" spans="2:6" s="2" customFormat="1" ht="20.100000000000001" customHeight="1" x14ac:dyDescent="0.25"/>
    <row r="141" spans="2:6" s="2" customFormat="1" ht="20.100000000000001" customHeight="1" x14ac:dyDescent="0.25"/>
    <row r="142" spans="2:6" s="2" customFormat="1" ht="50.1" customHeight="1" x14ac:dyDescent="0.25"/>
    <row r="143" spans="2:6" s="2" customFormat="1" ht="43.5" customHeight="1" x14ac:dyDescent="0.25"/>
    <row r="144" spans="2:6" ht="24.75" customHeight="1" x14ac:dyDescent="0.2">
      <c r="B144" s="2"/>
      <c r="C144" s="2"/>
      <c r="D144" s="2"/>
      <c r="E144" s="2"/>
    </row>
    <row r="145" spans="2:5" x14ac:dyDescent="0.2">
      <c r="B145" s="2"/>
      <c r="C145" s="2"/>
      <c r="D145" s="2"/>
      <c r="E145" s="2"/>
    </row>
    <row r="146" spans="2:5" ht="20.100000000000001" customHeight="1" x14ac:dyDescent="0.2"/>
    <row r="147" spans="2:5" ht="4.5" customHeight="1" x14ac:dyDescent="0.2"/>
    <row r="148" spans="2:5" ht="20.100000000000001" customHeight="1" x14ac:dyDescent="0.2"/>
    <row r="149" spans="2:5" ht="20.100000000000001" customHeight="1" x14ac:dyDescent="0.2"/>
    <row r="150" spans="2:5" ht="20.100000000000001" customHeight="1" x14ac:dyDescent="0.2"/>
  </sheetData>
  <mergeCells count="114">
    <mergeCell ref="E105:F105"/>
    <mergeCell ref="E106:F106"/>
    <mergeCell ref="E107:F107"/>
    <mergeCell ref="E100:F100"/>
    <mergeCell ref="E101:F101"/>
    <mergeCell ref="E102:F102"/>
    <mergeCell ref="E103:F103"/>
    <mergeCell ref="E104:F104"/>
    <mergeCell ref="E95:F95"/>
    <mergeCell ref="E96:F96"/>
    <mergeCell ref="E97:F97"/>
    <mergeCell ref="E98:F98"/>
    <mergeCell ref="E99:F99"/>
    <mergeCell ref="E90:F90"/>
    <mergeCell ref="E91:F91"/>
    <mergeCell ref="E92:F92"/>
    <mergeCell ref="E93:F93"/>
    <mergeCell ref="E94:F94"/>
    <mergeCell ref="E85:F85"/>
    <mergeCell ref="E86:F86"/>
    <mergeCell ref="E87:F87"/>
    <mergeCell ref="E88:F88"/>
    <mergeCell ref="E89:F89"/>
    <mergeCell ref="E80:F80"/>
    <mergeCell ref="E81:F81"/>
    <mergeCell ref="E82:F82"/>
    <mergeCell ref="E83:F83"/>
    <mergeCell ref="E84:F84"/>
    <mergeCell ref="E75:F75"/>
    <mergeCell ref="E76:F76"/>
    <mergeCell ref="E77:F77"/>
    <mergeCell ref="E78:F78"/>
    <mergeCell ref="E79:F79"/>
    <mergeCell ref="E70:F70"/>
    <mergeCell ref="E71:F71"/>
    <mergeCell ref="E72:F72"/>
    <mergeCell ref="E73:F73"/>
    <mergeCell ref="E74:F74"/>
    <mergeCell ref="E65:F65"/>
    <mergeCell ref="E66:F66"/>
    <mergeCell ref="E67:F67"/>
    <mergeCell ref="E68:F68"/>
    <mergeCell ref="E69:F69"/>
    <mergeCell ref="B30:C30"/>
    <mergeCell ref="E61:F61"/>
    <mergeCell ref="E62:F62"/>
    <mergeCell ref="E63:F63"/>
    <mergeCell ref="E64:F64"/>
    <mergeCell ref="E131:F131"/>
    <mergeCell ref="E133:F133"/>
    <mergeCell ref="E134:F134"/>
    <mergeCell ref="B128:F128"/>
    <mergeCell ref="B118:F118"/>
    <mergeCell ref="C119:F119"/>
    <mergeCell ref="C120:F120"/>
    <mergeCell ref="B121:E121"/>
    <mergeCell ref="B127:F127"/>
    <mergeCell ref="C122:D122"/>
    <mergeCell ref="C123:D123"/>
    <mergeCell ref="C124:D124"/>
    <mergeCell ref="C125:D125"/>
    <mergeCell ref="E116:F116"/>
    <mergeCell ref="B109:F109"/>
    <mergeCell ref="B111:C112"/>
    <mergeCell ref="D111:F111"/>
    <mergeCell ref="E112:F112"/>
    <mergeCell ref="E115:F115"/>
    <mergeCell ref="B2:F2"/>
    <mergeCell ref="B1:F1"/>
    <mergeCell ref="B23:C23"/>
    <mergeCell ref="B26:C26"/>
    <mergeCell ref="E113:F113"/>
    <mergeCell ref="B57:F57"/>
    <mergeCell ref="B59:C60"/>
    <mergeCell ref="D59:F59"/>
    <mergeCell ref="B3:F3"/>
    <mergeCell ref="B7:F7"/>
    <mergeCell ref="B8:F8"/>
    <mergeCell ref="E43:F43"/>
    <mergeCell ref="E44:F44"/>
    <mergeCell ref="B9:F9"/>
    <mergeCell ref="E40:F40"/>
    <mergeCell ref="E60:F60"/>
    <mergeCell ref="E41:F41"/>
    <mergeCell ref="E42:F42"/>
    <mergeCell ref="E45:F45"/>
    <mergeCell ref="E55:F55"/>
    <mergeCell ref="B38:F38"/>
    <mergeCell ref="E39:F39"/>
    <mergeCell ref="E51:F51"/>
    <mergeCell ref="E52:F52"/>
    <mergeCell ref="E53:F53"/>
    <mergeCell ref="E54:F54"/>
    <mergeCell ref="E46:F46"/>
    <mergeCell ref="E47:F47"/>
    <mergeCell ref="E48:F48"/>
    <mergeCell ref="E49:F49"/>
    <mergeCell ref="E50:F50"/>
    <mergeCell ref="B11:F11"/>
    <mergeCell ref="B12:D12"/>
    <mergeCell ref="B13:D13"/>
    <mergeCell ref="B34:F34"/>
    <mergeCell ref="B36:C37"/>
    <mergeCell ref="B19:F19"/>
    <mergeCell ref="B20:D20"/>
    <mergeCell ref="B21:F21"/>
    <mergeCell ref="B16:D16"/>
    <mergeCell ref="B17:D17"/>
    <mergeCell ref="B18:F18"/>
    <mergeCell ref="C28:D28"/>
    <mergeCell ref="D36:F36"/>
    <mergeCell ref="E37:F37"/>
    <mergeCell ref="B22:F22"/>
    <mergeCell ref="C27:D27"/>
  </mergeCells>
  <conditionalFormatting sqref="D70:D72 D41 D74:D107">
    <cfRule type="containsBlanks" dxfId="17" priority="117">
      <formula>LEN(TRIM(D41))=0</formula>
    </cfRule>
  </conditionalFormatting>
  <conditionalFormatting sqref="E133:F133">
    <cfRule type="containsBlanks" dxfId="16" priority="116">
      <formula>LEN(TRIM(E133))=0</formula>
    </cfRule>
  </conditionalFormatting>
  <conditionalFormatting sqref="C131">
    <cfRule type="containsBlanks" dxfId="15" priority="114">
      <formula>LEN(TRIM(C131))=0</formula>
    </cfRule>
  </conditionalFormatting>
  <conditionalFormatting sqref="E134:F134">
    <cfRule type="containsBlanks" dxfId="14" priority="115">
      <formula>LEN(TRIM(E134))=0</formula>
    </cfRule>
  </conditionalFormatting>
  <conditionalFormatting sqref="C133">
    <cfRule type="containsBlanks" dxfId="13" priority="113">
      <formula>LEN(TRIM(C133))=0</formula>
    </cfRule>
  </conditionalFormatting>
  <conditionalFormatting sqref="C4:C5">
    <cfRule type="containsBlanks" dxfId="12" priority="112">
      <formula>LEN(TRIM(C4))=0</formula>
    </cfRule>
  </conditionalFormatting>
  <conditionalFormatting sqref="D39:D40">
    <cfRule type="containsBlanks" dxfId="11" priority="111">
      <formula>LEN(TRIM(D39))=0</formula>
    </cfRule>
  </conditionalFormatting>
  <conditionalFormatting sqref="D113:D115">
    <cfRule type="containsBlanks" dxfId="10" priority="106">
      <formula>LEN(TRIM(D113))=0</formula>
    </cfRule>
  </conditionalFormatting>
  <conditionalFormatting sqref="C124:D124">
    <cfRule type="containsBlanks" dxfId="9" priority="102">
      <formula>LEN(TRIM(C124))=0</formula>
    </cfRule>
  </conditionalFormatting>
  <conditionalFormatting sqref="D45:D54">
    <cfRule type="containsBlanks" dxfId="8" priority="87">
      <formula>LEN(TRIM(D45))=0</formula>
    </cfRule>
  </conditionalFormatting>
  <conditionalFormatting sqref="D55">
    <cfRule type="containsBlanks" dxfId="7" priority="86">
      <formula>LEN(TRIM(D55))=0</formula>
    </cfRule>
  </conditionalFormatting>
  <conditionalFormatting sqref="D42:D44">
    <cfRule type="containsBlanks" dxfId="6" priority="83">
      <formula>LEN(TRIM(D42))=0</formula>
    </cfRule>
  </conditionalFormatting>
  <conditionalFormatting sqref="C123:D123">
    <cfRule type="containsBlanks" dxfId="5" priority="53">
      <formula>LEN(TRIM(C123))=0</formula>
    </cfRule>
  </conditionalFormatting>
  <conditionalFormatting sqref="C122:D122">
    <cfRule type="containsBlanks" dxfId="4" priority="52">
      <formula>LEN(TRIM(C122))=0</formula>
    </cfRule>
  </conditionalFormatting>
  <conditionalFormatting sqref="C125:D125">
    <cfRule type="containsBlanks" dxfId="3" priority="51">
      <formula>LEN(TRIM(C125))=0</formula>
    </cfRule>
  </conditionalFormatting>
  <conditionalFormatting sqref="D61:D69">
    <cfRule type="containsBlanks" dxfId="2" priority="46">
      <formula>LEN(TRIM(D61))=0</formula>
    </cfRule>
  </conditionalFormatting>
  <conditionalFormatting sqref="D116">
    <cfRule type="containsBlanks" dxfId="1" priority="44">
      <formula>LEN(TRIM(D116))=0</formula>
    </cfRule>
  </conditionalFormatting>
  <conditionalFormatting sqref="D73">
    <cfRule type="containsBlanks" dxfId="0" priority="43">
      <formula>LEN(TRIM(D73))=0</formula>
    </cfRule>
  </conditionalFormatting>
  <hyperlinks>
    <hyperlink ref="C106" r:id="rId1" tooltip="http://www.vusch.sk" display="http://www.vusch.sk/"/>
  </hyperlinks>
  <printOptions horizontalCentered="1"/>
  <pageMargins left="0.70866141732283472" right="0.70866141732283472" top="0.9055118110236221" bottom="0.74803149606299213" header="0.31496062992125984" footer="0.31496062992125984"/>
  <pageSetup paperSize="9" scale="65" fitToHeight="0" orientation="portrait" r:id="rId2"/>
  <headerFooter>
    <oddHeader>&amp;C&amp;"Arial,Normálne"&amp;16CENOVÁ PONUKA&amp;14
pre účel
prípravnej trhovej konzultácia a predbežného zapojenia záujemcov alebo uchádzačov (ďalej aj "PTK")</oddHeader>
    <oddFooter>&amp;CStrana &amp;P z &amp;N</oddFooter>
  </headerFooter>
  <drawing r:id="rId3"/>
  <legacyDrawing r:id="rId4"/>
  <mc:AlternateContent xmlns:mc="http://schemas.openxmlformats.org/markup-compatibility/2006">
    <mc:Choice Requires="x14">
      <controls>
        <mc:AlternateContent xmlns:mc="http://schemas.openxmlformats.org/markup-compatibility/2006">
          <mc:Choice Requires="x14">
            <control shapeId="8195" r:id="rId5"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6"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7"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8"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07-27T10:48:10Z</cp:lastPrinted>
  <dcterms:created xsi:type="dcterms:W3CDTF">2017-04-21T05:51:15Z</dcterms:created>
  <dcterms:modified xsi:type="dcterms:W3CDTF">2022-07-27T11:12:38Z</dcterms:modified>
</cp:coreProperties>
</file>